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0-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0-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elf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a:extLst>
              <a:ext uri="{FF2B5EF4-FFF2-40B4-BE49-F238E27FC236}">
                <a16:creationId xmlns:a16="http://schemas.microsoft.com/office/drawing/2014/main" id="{ED4D077E-11A4-740C-04BC-3E807D0A212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7101" y="5426638"/>
            <a:ext cx="1985099" cy="126252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a:extLst>
              <a:ext uri="{FF2B5EF4-FFF2-40B4-BE49-F238E27FC236}">
                <a16:creationId xmlns:a16="http://schemas.microsoft.com/office/drawing/2014/main" id="{5473F264-ED43-BC6C-7DC5-CD23B44E52E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8752" y="4297641"/>
            <a:ext cx="1727924" cy="109896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2-10T09:15:56Z</dcterms:modified>
</cp:coreProperties>
</file>